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22" uniqueCount="344">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大田呼吸循環クリニック</t>
    <phoneticPr fontId="3"/>
  </si>
  <si>
    <t>〒694-0064 大田市大田町大田ハ－１４５</t>
    <phoneticPr fontId="3"/>
  </si>
  <si>
    <t>〇</t>
  </si>
  <si>
    <t>個人</t>
  </si>
  <si>
    <t>複数の診療科で活用</t>
  </si>
  <si>
    <t>内科</t>
  </si>
  <si>
    <t>呼吸器内科</t>
  </si>
  <si>
    <t>循環器内科</t>
  </si>
  <si>
    <t>有</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17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Q16" sqref="Q16"/>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3</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339</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9</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40</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7</v>
      </c>
      <c r="K159" s="99" t="str">
        <f t="shared" si="1"/>
        <v/>
      </c>
      <c r="L159" s="167">
        <v>1</v>
      </c>
      <c r="M159" s="167">
        <v>0</v>
      </c>
      <c r="N159" s="167">
        <v>6</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5</v>
      </c>
      <c r="K160" s="99" t="str">
        <f t="shared" si="1"/>
        <v/>
      </c>
      <c r="L160" s="168">
        <v>0.5</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1</v>
      </c>
      <c r="K161" s="99" t="str">
        <f t="shared" si="1"/>
        <v/>
      </c>
      <c r="L161" s="167">
        <v>1</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41</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334</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84</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63</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3</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67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80</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84</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62</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5</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17</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82</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54</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7</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3</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8</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6</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4</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82</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1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7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1</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14</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196</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42</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42</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t="s">
        <v>342</v>
      </c>
      <c r="K329" s="99" t="str">
        <f t="shared" si="3"/>
        <v>※</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42</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t="s">
        <v>342</v>
      </c>
      <c r="K331" s="99" t="str">
        <f t="shared" si="3"/>
        <v>※</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57</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t="s">
        <v>342</v>
      </c>
      <c r="K360" s="99" t="str">
        <f t="shared" si="4"/>
        <v>※</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728</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t="s">
        <v>342</v>
      </c>
      <c r="K362" s="99" t="str">
        <f t="shared" si="4"/>
        <v>※</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8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6:22Z</cp:lastPrinted>
  <dcterms:created xsi:type="dcterms:W3CDTF">2019-03-05T11:12:49Z</dcterms:created>
  <dcterms:modified xsi:type="dcterms:W3CDTF">2021-05-24T00:26:24Z</dcterms:modified>
</cp:coreProperties>
</file>